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7" uniqueCount="342">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あさひまちクリニック</t>
    <phoneticPr fontId="3"/>
  </si>
  <si>
    <t>〒690-0003 松江市朝日町４７６－７　２階</t>
    <phoneticPr fontId="3"/>
  </si>
  <si>
    <t>〇</t>
  </si>
  <si>
    <t>医療法人</t>
  </si>
  <si>
    <t>複数の診療科で活用</t>
  </si>
  <si>
    <t>内科</t>
  </si>
  <si>
    <t>産婦人科</t>
  </si>
  <si>
    <t>有</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382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1</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3</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3</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337</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338</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9</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1</v>
      </c>
      <c r="K157" s="99" t="str">
        <f t="shared" ref="K157:K172" si="1">IF(OR(COUNTIF(L157:O157,"未確認")&gt;0,COUNTIF(L157:O157,"*")&gt;0),"※","")</f>
        <v/>
      </c>
      <c r="L157" s="167"/>
      <c r="M157" s="167">
        <v>0</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2</v>
      </c>
      <c r="K158" s="99" t="str">
        <f t="shared" si="1"/>
        <v/>
      </c>
      <c r="L158" s="168"/>
      <c r="M158" s="168">
        <v>0</v>
      </c>
      <c r="N158" s="168">
        <v>2</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1</v>
      </c>
      <c r="K159" s="99" t="str">
        <f t="shared" si="1"/>
        <v/>
      </c>
      <c r="L159" s="167"/>
      <c r="M159" s="167">
        <v>0</v>
      </c>
      <c r="N159" s="167">
        <v>1</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1</v>
      </c>
      <c r="K163" s="99" t="str">
        <f t="shared" si="1"/>
        <v/>
      </c>
      <c r="L163" s="167"/>
      <c r="M163" s="167">
        <v>0</v>
      </c>
      <c r="N163" s="167">
        <v>1</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1</v>
      </c>
      <c r="K164" s="99" t="str">
        <f t="shared" si="1"/>
        <v/>
      </c>
      <c r="L164" s="168"/>
      <c r="M164" s="168">
        <v>0</v>
      </c>
      <c r="N164" s="168">
        <v>1</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334</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t="s">
        <v>340</v>
      </c>
      <c r="K318" s="99" t="str">
        <f>IF(OR(COUNTIF(J318,"未確認")&gt;0,COUNTIF(J318,"*")&gt;0),"※","")</f>
        <v>※</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16</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t="s">
        <v>340</v>
      </c>
      <c r="K327" s="99" t="str">
        <f t="shared" ref="K327:K332" si="3">IF(OR(COUNTIF(J327,"未確認")&gt;0,COUNTIF(J327,"*")&gt;0),"※","")</f>
        <v>※</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t="s">
        <v>340</v>
      </c>
      <c r="K328" s="99" t="str">
        <f t="shared" si="3"/>
        <v>※</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00:58Z</cp:lastPrinted>
  <dcterms:created xsi:type="dcterms:W3CDTF">2019-03-05T11:12:49Z</dcterms:created>
  <dcterms:modified xsi:type="dcterms:W3CDTF">2021-05-24T00:00:59Z</dcterms:modified>
</cp:coreProperties>
</file>